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14"/>
  </p:notes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  <p:sldId id="263" r:id="rId9"/>
    <p:sldId id="264" r:id="rId10"/>
    <p:sldId id="265" r:id="rId11"/>
    <p:sldId id="266" r:id="rId12"/>
    <p:sldId id="267" r:id="rId13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howOutlineIcons="0">
    <p:restoredLeft sz="15620"/>
    <p:restoredTop sz="94660"/>
  </p:normalViewPr>
  <p:slideViewPr>
    <p:cSldViewPr>
      <p:cViewPr varScale="1">
        <p:scale>
          <a:sx n="70" d="100"/>
          <a:sy n="70" d="100"/>
        </p:scale>
        <p:origin x="-528" y="-9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388BA73-1609-4CBC-8499-E2D94A43E358}" type="datetimeFigureOut">
              <a:rPr lang="en-US" smtClean="0"/>
              <a:t>4/27/2012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55CBE47-6914-4D10-A401-9B608F7620C5}" type="slidenum">
              <a:rPr lang="en-US" smtClean="0"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58E6F00-2DED-4998-B18B-DD287A43E0A6}" type="datetime1">
              <a:rPr lang="en-US" smtClean="0"/>
              <a:t>4/27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88BDB9D-6ED2-4A2D-9731-50FA6B663FBC}" type="datetime1">
              <a:rPr lang="en-US" smtClean="0"/>
              <a:t>4/27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29AA2C4-A560-450F-BAEE-B4F3E2637C1C}" type="datetime1">
              <a:rPr lang="en-US" smtClean="0"/>
              <a:t>4/27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382C3BC-FB31-4950-AA23-8EB3365D0DED}" type="datetime1">
              <a:rPr lang="en-US" smtClean="0"/>
              <a:t>4/27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021C16A-D78E-4737-A621-76E00E168DCE}" type="datetime1">
              <a:rPr lang="en-US" smtClean="0"/>
              <a:t>4/27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EAA7F27-3BA9-461E-ACA8-8D40FD9D33BE}" type="datetime1">
              <a:rPr lang="en-US" smtClean="0"/>
              <a:t>4/27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79708DA-5433-49FE-BAB9-8C85E7ED8F13}" type="datetime1">
              <a:rPr lang="en-US" smtClean="0"/>
              <a:t>4/27/201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7DEAFC9-1FD4-4EC5-BB2B-CFEEF29E4826}" type="datetime1">
              <a:rPr lang="en-US" smtClean="0"/>
              <a:t>4/27/201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AFF4E54-0C6F-4DF1-812B-B9D5FC99B932}" type="datetime1">
              <a:rPr lang="en-US" smtClean="0"/>
              <a:t>4/27/201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91104A5-C0FD-49AB-9067-0D14E550728D}" type="datetime1">
              <a:rPr lang="en-US" smtClean="0"/>
              <a:t>4/27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CB18EE6-C463-4E58-81BC-437E9E1EE73B}" type="datetime1">
              <a:rPr lang="en-US" smtClean="0"/>
              <a:t>4/27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710375D-EDB0-44AA-B138-81B7C9037B26}" type="datetime1">
              <a:rPr lang="en-US" smtClean="0"/>
              <a:t>4/27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4D42D3C-8F23-4F1C-93C4-AAF6A4E79264}" type="slidenum">
              <a:rPr lang="en-US" smtClean="0"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image" Target="../media/image13.jpe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jpeg"/><Relationship Id="rId2" Type="http://schemas.openxmlformats.org/officeDocument/2006/relationships/image" Target="../media/image16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762000"/>
            <a:ext cx="7772400" cy="1470025"/>
          </a:xfrm>
        </p:spPr>
        <p:txBody>
          <a:bodyPr/>
          <a:lstStyle/>
          <a:p>
            <a:r>
              <a:rPr lang="en-US" dirty="0" err="1" smtClean="0">
                <a:latin typeface="Zawgyi-One" pitchFamily="34" charset="0"/>
                <a:cs typeface="Zawgyi-One" pitchFamily="34" charset="0"/>
              </a:rPr>
              <a:t>သင္ခန္းစာ</a:t>
            </a:r>
            <a:r>
              <a:rPr lang="en-US" dirty="0" smtClean="0">
                <a:latin typeface="Zawgyi-One" pitchFamily="34" charset="0"/>
                <a:cs typeface="Zawgyi-One" pitchFamily="34" charset="0"/>
              </a:rPr>
              <a:t> - ၇</a:t>
            </a:r>
            <a:endParaRPr lang="en-US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2209800"/>
            <a:ext cx="6400800" cy="3581400"/>
          </a:xfrm>
        </p:spPr>
        <p:txBody>
          <a:bodyPr>
            <a:normAutofit lnSpcReduction="10000"/>
          </a:bodyPr>
          <a:lstStyle/>
          <a:p>
            <a:pPr>
              <a:lnSpc>
                <a:spcPct val="200000"/>
              </a:lnSpc>
            </a:pP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အန</a:t>
            </a:r>
            <a:r>
              <a:rPr lang="en-US" sz="1800" dirty="0" smtClean="0">
                <a:latin typeface="Zawgyi-One" pitchFamily="34" charset="0"/>
                <a:cs typeface="Zawgyi-One" pitchFamily="34" charset="0"/>
              </a:rPr>
              <a:t>္          </a:t>
            </a: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အန</a:t>
            </a:r>
            <a:r>
              <a:rPr lang="en-US" sz="1800" dirty="0" smtClean="0">
                <a:latin typeface="Zawgyi-One" pitchFamily="34" charset="0"/>
                <a:cs typeface="Zawgyi-One" pitchFamily="34" charset="0"/>
              </a:rPr>
              <a:t>္ ့          </a:t>
            </a: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အန္း</a:t>
            </a:r>
            <a:endParaRPr lang="en-US" sz="1800" dirty="0" smtClean="0">
              <a:latin typeface="Zawgyi-One" pitchFamily="34" charset="0"/>
              <a:cs typeface="Zawgyi-One" pitchFamily="34" charset="0"/>
            </a:endParaRPr>
          </a:p>
          <a:p>
            <a:pPr>
              <a:lnSpc>
                <a:spcPct val="200000"/>
              </a:lnSpc>
            </a:pPr>
            <a:r>
              <a:rPr lang="en-US" sz="1800" dirty="0" smtClean="0">
                <a:latin typeface="Zawgyi-One" pitchFamily="34" charset="0"/>
                <a:cs typeface="Zawgyi-One" pitchFamily="34" charset="0"/>
              </a:rPr>
              <a:t>--န္          --န္ ့          --</a:t>
            </a: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န္း</a:t>
            </a:r>
            <a:endParaRPr lang="en-US" sz="1800" dirty="0" smtClean="0">
              <a:latin typeface="Zawgyi-One" pitchFamily="34" charset="0"/>
              <a:cs typeface="Zawgyi-One" pitchFamily="34" charset="0"/>
            </a:endParaRPr>
          </a:p>
          <a:p>
            <a:pPr>
              <a:lnSpc>
                <a:spcPct val="200000"/>
              </a:lnSpc>
            </a:pP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အမ</a:t>
            </a:r>
            <a:r>
              <a:rPr lang="en-US" sz="1800" dirty="0" smtClean="0">
                <a:latin typeface="Zawgyi-One" pitchFamily="34" charset="0"/>
                <a:cs typeface="Zawgyi-One" pitchFamily="34" charset="0"/>
              </a:rPr>
              <a:t>္          </a:t>
            </a: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အမ</a:t>
            </a:r>
            <a:r>
              <a:rPr lang="en-US" sz="1800" dirty="0" smtClean="0">
                <a:latin typeface="Zawgyi-One" pitchFamily="34" charset="0"/>
                <a:cs typeface="Zawgyi-One" pitchFamily="34" charset="0"/>
              </a:rPr>
              <a:t>့္          </a:t>
            </a: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အမ္း</a:t>
            </a:r>
            <a:endParaRPr lang="en-US" sz="1800" dirty="0" smtClean="0">
              <a:latin typeface="Zawgyi-One" pitchFamily="34" charset="0"/>
              <a:cs typeface="Zawgyi-One" pitchFamily="34" charset="0"/>
            </a:endParaRPr>
          </a:p>
          <a:p>
            <a:pPr>
              <a:lnSpc>
                <a:spcPct val="200000"/>
              </a:lnSpc>
            </a:pPr>
            <a:r>
              <a:rPr lang="en-US" sz="1800" dirty="0" smtClean="0">
                <a:latin typeface="Zawgyi-One" pitchFamily="34" charset="0"/>
                <a:cs typeface="Zawgyi-One" pitchFamily="34" charset="0"/>
              </a:rPr>
              <a:t>--မ္          --မ့္          --</a:t>
            </a: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မ္း</a:t>
            </a:r>
            <a:endParaRPr lang="en-US" sz="1800" dirty="0" smtClean="0">
              <a:latin typeface="Zawgyi-One" pitchFamily="34" charset="0"/>
              <a:cs typeface="Zawgyi-One" pitchFamily="34" charset="0"/>
            </a:endParaRPr>
          </a:p>
          <a:p>
            <a:pPr>
              <a:lnSpc>
                <a:spcPct val="200000"/>
              </a:lnSpc>
            </a:pP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အံ</a:t>
            </a:r>
            <a:r>
              <a:rPr lang="en-US" sz="1800" dirty="0" smtClean="0">
                <a:latin typeface="Zawgyi-One" pitchFamily="34" charset="0"/>
                <a:cs typeface="Zawgyi-One" pitchFamily="34" charset="0"/>
              </a:rPr>
              <a:t>          </a:t>
            </a:r>
            <a:r>
              <a:rPr lang="en-US" sz="1800" dirty="0" err="1" smtClean="0">
                <a:latin typeface="Zawgyi-One" pitchFamily="34" charset="0"/>
                <a:cs typeface="Zawgyi-One" pitchFamily="34" charset="0"/>
              </a:rPr>
              <a:t>အံ</a:t>
            </a:r>
            <a:r>
              <a:rPr lang="en-US" sz="1800" dirty="0" smtClean="0">
                <a:latin typeface="Zawgyi-One" pitchFamily="34" charset="0"/>
                <a:cs typeface="Zawgyi-One" pitchFamily="34" charset="0"/>
              </a:rPr>
              <a:t>့</a:t>
            </a:r>
          </a:p>
          <a:p>
            <a:pPr>
              <a:lnSpc>
                <a:spcPct val="200000"/>
              </a:lnSpc>
            </a:pPr>
            <a:r>
              <a:rPr lang="en-US" sz="1800" dirty="0" smtClean="0">
                <a:latin typeface="Zawgyi-One" pitchFamily="34" charset="0"/>
                <a:cs typeface="Zawgyi-One" pitchFamily="34" charset="0"/>
              </a:rPr>
              <a:t>--ံ          --ံ့</a:t>
            </a:r>
          </a:p>
          <a:p>
            <a:pPr>
              <a:lnSpc>
                <a:spcPct val="200000"/>
              </a:lnSpc>
            </a:pPr>
            <a:endParaRPr lang="en-US" sz="1800" dirty="0">
              <a:latin typeface="Zawgyi-One" pitchFamily="34" charset="0"/>
              <a:cs typeface="Zawgyi-One" pitchFamily="34" charset="0"/>
            </a:endParaRPr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ေဆးတ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= tobacco smoking pipe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10</a:t>
            </a:fld>
            <a:endParaRPr lang="en-US"/>
          </a:p>
        </p:txBody>
      </p:sp>
      <p:pic>
        <p:nvPicPr>
          <p:cNvPr id="8196" name="Picture 4" descr="C:\Documents and Settings\s135005\My Documents\MuMu\Volunteer Class\2012 pics\lesson 7\tabaco_pipe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914400" y="1524000"/>
            <a:ext cx="4008171" cy="2654300"/>
          </a:xfrm>
          <a:prstGeom prst="rect">
            <a:avLst/>
          </a:prstGeom>
          <a:noFill/>
        </p:spPr>
      </p:pic>
      <p:pic>
        <p:nvPicPr>
          <p:cNvPr id="8197" name="Picture 5" descr="C:\Documents and Settings\s135005\My Documents\MuMu\Volunteer Class\2012 pics\lesson 7\pipe_smoking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029200" y="2514600"/>
            <a:ext cx="3200400" cy="35433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ခရမ္းသီး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= eggplant  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11</a:t>
            </a:fld>
            <a:endParaRPr lang="en-US"/>
          </a:p>
        </p:txBody>
      </p:sp>
      <p:pic>
        <p:nvPicPr>
          <p:cNvPr id="9220" name="Picture 4" descr="C:\Documents and Settings\s135005\My Documents\MuMu\Volunteer Class\2012 pics\lesson 7\eggplant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286000" y="1600200"/>
            <a:ext cx="4335848" cy="4348908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အံ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့ၾသ = surprise/ astonishment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12</a:t>
            </a:fld>
            <a:endParaRPr lang="en-US"/>
          </a:p>
        </p:txBody>
      </p:sp>
      <p:pic>
        <p:nvPicPr>
          <p:cNvPr id="10244" name="Picture 4" descr="C:\Documents and Settings\s135005\My Documents\MuMu\Volunteer Class\2012 pics\lesson 7\Surprised%20Face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828800" y="1676400"/>
            <a:ext cx="3219450" cy="4029075"/>
          </a:xfrm>
          <a:prstGeom prst="rect">
            <a:avLst/>
          </a:prstGeom>
          <a:noFill/>
        </p:spPr>
      </p:pic>
      <p:pic>
        <p:nvPicPr>
          <p:cNvPr id="10245" name="Picture 5" descr="C:\Documents and Settings\s135005\My Documents\MuMu\Volunteer Class\2012 pics\lesson 7\surpriseface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019800" y="3581400"/>
            <a:ext cx="1543050" cy="16383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5943600"/>
          </a:xfrm>
        </p:spPr>
        <p:txBody>
          <a:bodyPr>
            <a:normAutofit/>
          </a:bodyPr>
          <a:lstStyle/>
          <a:p>
            <a:pPr>
              <a:lnSpc>
                <a:spcPct val="250000"/>
              </a:lnSpc>
            </a:pP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တူသ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   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ပန္းကန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္    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ေရန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   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ထန္းသီး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   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သန္သန္မာမာ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   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ဆူည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   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ဝါးထရ</a:t>
            </a:r>
            <a:r>
              <a:rPr lang="en-US" sz="3600" dirty="0" err="1">
                <a:latin typeface="Zawgyi-One" pitchFamily="34" charset="0"/>
                <a:cs typeface="Zawgyi-One" pitchFamily="34" charset="0"/>
              </a:rPr>
              <a:t>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   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ေဆးတ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   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ခရမ္းသီး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   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အ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့ၾသ        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2</a:t>
            </a:fld>
            <a:endParaRPr lang="en-US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609600"/>
            <a:ext cx="8229600" cy="1371600"/>
          </a:xfrm>
        </p:spPr>
        <p:txBody>
          <a:bodyPr>
            <a:normAutofit/>
          </a:bodyPr>
          <a:lstStyle/>
          <a:p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တူ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သ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 = noise coming out from hammer while hitting nails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3</a:t>
            </a:fld>
            <a:endParaRPr lang="en-US"/>
          </a:p>
        </p:txBody>
      </p:sp>
      <p:pic>
        <p:nvPicPr>
          <p:cNvPr id="1028" name="Picture 4" descr="C:\Documents and Settings\s135005\My Documents\MuMu\Volunteer Class\2012 pics\lesson 7\hammer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438400" y="2057400"/>
            <a:ext cx="4419600" cy="44196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pPr>
              <a:lnSpc>
                <a:spcPct val="200000"/>
              </a:lnSpc>
            </a:pP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ပန္း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ကန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္ = dish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4</a:t>
            </a:fld>
            <a:endParaRPr lang="en-US"/>
          </a:p>
        </p:txBody>
      </p:sp>
      <p:pic>
        <p:nvPicPr>
          <p:cNvPr id="2055" name="Picture 7" descr="C:\Documents and Settings\s135005\My Documents\MuMu\Volunteer Class\2012 pics\lesson 7\everyday-plates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81000" y="1600200"/>
            <a:ext cx="4286250" cy="3667125"/>
          </a:xfrm>
          <a:prstGeom prst="rect">
            <a:avLst/>
          </a:prstGeom>
          <a:noFill/>
        </p:spPr>
      </p:pic>
      <p:pic>
        <p:nvPicPr>
          <p:cNvPr id="2056" name="Picture 8" descr="C:\Documents and Settings\s135005\My Documents\MuMu\Volunteer Class\2012 pics\lesson 7\plates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105400" y="2971800"/>
            <a:ext cx="2714625" cy="2714625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pPr>
              <a:lnSpc>
                <a:spcPct val="200000"/>
              </a:lnSpc>
            </a:pP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ေရ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န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= petroleum; crude oil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5</a:t>
            </a:fld>
            <a:endParaRPr lang="en-US"/>
          </a:p>
        </p:txBody>
      </p:sp>
      <p:pic>
        <p:nvPicPr>
          <p:cNvPr id="3076" name="Picture 4" descr="C:\Documents and Settings\s135005\My Documents\MuMu\Volunteer Class\2012 pics\lesson 7\oil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09600" y="1905000"/>
            <a:ext cx="4462076" cy="2652712"/>
          </a:xfrm>
          <a:prstGeom prst="rect">
            <a:avLst/>
          </a:prstGeom>
          <a:noFill/>
        </p:spPr>
      </p:pic>
      <p:pic>
        <p:nvPicPr>
          <p:cNvPr id="3077" name="Picture 5" descr="C:\Documents and Settings\s135005\My Documents\MuMu\Volunteer Class\2012 pics\lesson 7\A-Barrel-of-Oil-Refined.jpe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334000" y="3200400"/>
            <a:ext cx="3505200" cy="26289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pPr>
              <a:lnSpc>
                <a:spcPct val="200000"/>
              </a:lnSpc>
            </a:pP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ထန္း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သီး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= palm tree fruits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6</a:t>
            </a:fld>
            <a:endParaRPr lang="en-US"/>
          </a:p>
        </p:txBody>
      </p:sp>
      <p:pic>
        <p:nvPicPr>
          <p:cNvPr id="4101" name="Picture 5" descr="C:\Documents and Settings\s135005\My Documents\MuMu\Volunteer Class\2012 pics\lesson 7\palm_tree_fruits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600200" y="1905000"/>
            <a:ext cx="5810250" cy="441019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pPr>
              <a:lnSpc>
                <a:spcPct val="200000"/>
              </a:lnSpc>
            </a:pP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သန္သန္မာမာ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= strong and sturdy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7</a:t>
            </a:fld>
            <a:endParaRPr lang="en-US"/>
          </a:p>
        </p:txBody>
      </p:sp>
      <p:pic>
        <p:nvPicPr>
          <p:cNvPr id="5124" name="Picture 4" descr="C:\Documents and Settings\s135005\My Documents\MuMu\Volunteer Class\2012 pics\lesson 7\10808957-a-cartoon-strong-man-lifting-a-heavy-weight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371600" y="2286000"/>
            <a:ext cx="3068738" cy="2886075"/>
          </a:xfrm>
          <a:prstGeom prst="rect">
            <a:avLst/>
          </a:prstGeom>
          <a:noFill/>
        </p:spPr>
      </p:pic>
      <p:pic>
        <p:nvPicPr>
          <p:cNvPr id="5125" name="Picture 5" descr="C:\Documents and Settings\s135005\My Documents\MuMu\Volunteer Class\2012 pics\lesson 7\bodytype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791200" y="2895600"/>
            <a:ext cx="2143125" cy="2676525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ဆူည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= noisy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8</a:t>
            </a:fld>
            <a:endParaRPr lang="en-US"/>
          </a:p>
        </p:txBody>
      </p:sp>
      <p:pic>
        <p:nvPicPr>
          <p:cNvPr id="6148" name="Picture 4" descr="C:\Documents and Settings\s135005\My Documents\MuMu\Volunteer Class\2012 pics\lesson 7\A-noisy-Class....jpe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57200" y="1752600"/>
            <a:ext cx="3695413" cy="2457450"/>
          </a:xfrm>
          <a:prstGeom prst="rect">
            <a:avLst/>
          </a:prstGeom>
          <a:noFill/>
        </p:spPr>
      </p:pic>
      <p:pic>
        <p:nvPicPr>
          <p:cNvPr id="6149" name="Picture 5" descr="C:\Documents and Settings\s135005\My Documents\MuMu\Volunteer Class\2012 pics\lesson 7\noisy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648200" y="2895600"/>
            <a:ext cx="4267200" cy="3631474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</p:spPr>
        <p:txBody>
          <a:bodyPr>
            <a:noAutofit/>
          </a:bodyPr>
          <a:lstStyle/>
          <a:p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ဝါး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ထ </a:t>
            </a:r>
            <a:r>
              <a:rPr lang="en-US" sz="3600" dirty="0" err="1" smtClean="0">
                <a:latin typeface="Zawgyi-One" pitchFamily="34" charset="0"/>
                <a:cs typeface="Zawgyi-One" pitchFamily="34" charset="0"/>
              </a:rPr>
              <a:t>ရံ</a:t>
            </a:r>
            <a:r>
              <a:rPr lang="en-US" sz="3600" dirty="0" smtClean="0">
                <a:latin typeface="Zawgyi-One" pitchFamily="34" charset="0"/>
                <a:cs typeface="Zawgyi-One" pitchFamily="34" charset="0"/>
              </a:rPr>
              <a:t> = bamboo wall or divider</a:t>
            </a:r>
            <a:endParaRPr lang="en-US" sz="3600" dirty="0">
              <a:latin typeface="Zawgyi-One" pitchFamily="34" charset="0"/>
              <a:cs typeface="Zawgyi-One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4D42D3C-8F23-4F1C-93C4-AAF6A4E79264}" type="slidenum">
              <a:rPr lang="en-US" smtClean="0"/>
              <a:t>9</a:t>
            </a:fld>
            <a:endParaRPr lang="en-US"/>
          </a:p>
        </p:txBody>
      </p:sp>
      <p:pic>
        <p:nvPicPr>
          <p:cNvPr id="7172" name="Picture 4" descr="C:\Documents and Settings\s135005\My Documents\MuMu\Volunteer Class\2012 pics\lesson 7\short bamboo wall panel 2_001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62000" y="1676400"/>
            <a:ext cx="3646613" cy="3284538"/>
          </a:xfrm>
          <a:prstGeom prst="rect">
            <a:avLst/>
          </a:prstGeom>
          <a:noFill/>
        </p:spPr>
      </p:pic>
      <p:pic>
        <p:nvPicPr>
          <p:cNvPr id="7173" name="Picture 5" descr="C:\Documents and Settings\s135005\My Documents\MuMu\Volunteer Class\2012 pics\lesson 7\bamboo wall panel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953000" y="3200400"/>
            <a:ext cx="3345473" cy="2586037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D8D0C8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D8D0C8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86</TotalTime>
  <Words>159</Words>
  <Application>Microsoft Office PowerPoint</Application>
  <PresentationFormat>On-screen Show (4:3)</PresentationFormat>
  <Paragraphs>29</Paragraphs>
  <Slides>12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2</vt:i4>
      </vt:variant>
    </vt:vector>
  </HeadingPairs>
  <TitlesOfParts>
    <vt:vector size="13" baseType="lpstr">
      <vt:lpstr>Office Theme</vt:lpstr>
      <vt:lpstr>သင္ခန္းစာ - ၇</vt:lpstr>
      <vt:lpstr>တူသံ     ပန္းကန္     ေရနံ     ထန္းသီး     သန္သန္မာမာ     ဆူညံ     ဝါးထရံ     ေဆးတံ     ခရမ္းသီး     အံ့ၾသ        </vt:lpstr>
      <vt:lpstr>တူ သံ  = noise coming out from hammer while hitting nails</vt:lpstr>
      <vt:lpstr>ပန္း ကန္ = dish</vt:lpstr>
      <vt:lpstr>ေရ နံ = petroleum; crude oil</vt:lpstr>
      <vt:lpstr>ထန္း သီး = palm tree fruits</vt:lpstr>
      <vt:lpstr>သန္သန္မာမာ = strong and sturdy</vt:lpstr>
      <vt:lpstr>ဆူညံ = noisy</vt:lpstr>
      <vt:lpstr>ဝါး ထ ရံ = bamboo wall or divider</vt:lpstr>
      <vt:lpstr>ေဆးတံ = tobacco smoking pipe</vt:lpstr>
      <vt:lpstr>ခရမ္းသီး = eggplant  </vt:lpstr>
      <vt:lpstr>အံံ့ၾသ = surprise/ astonishment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သင္ခန္းစာ - ၆</dc:title>
  <dc:creator>S135005</dc:creator>
  <cp:lastModifiedBy>S135005</cp:lastModifiedBy>
  <cp:revision>33</cp:revision>
  <dcterms:created xsi:type="dcterms:W3CDTF">2012-04-27T16:51:54Z</dcterms:created>
  <dcterms:modified xsi:type="dcterms:W3CDTF">2012-04-27T21:38:27Z</dcterms:modified>
</cp:coreProperties>
</file>